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Opening dat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par la suit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s établissements. Étant donné que nous devons saisir des données pour le mois en cours,  il nous faut choisir le premier jour du mois comme date d'ouverture.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